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0-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0-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oerdal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71227816-EAB7-B3C5-8488-755EF4185C6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1954" y="5204451"/>
            <a:ext cx="2204091" cy="106237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8611F9A-0057-3E11-DBCA-97B72B6E6B9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7797" y="4352523"/>
            <a:ext cx="2204091" cy="106237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10T13:08:48Z</dcterms:modified>
</cp:coreProperties>
</file>